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7\HP2207\"/>
    </mc:Choice>
  </mc:AlternateContent>
  <xr:revisionPtr revIDLastSave="0" documentId="8_{5B3B4D0C-894E-4766-B8FD-3342771989B6}" xr6:coauthVersionLast="47" xr6:coauthVersionMax="47" xr10:uidLastSave="{00000000-0000-0000-0000-000000000000}"/>
  <bookViews>
    <workbookView xWindow="-108" yWindow="-108" windowWidth="23256" windowHeight="12576" xr2:uid="{7DB0F59B-D6C4-4F79-A40E-25EF84D6496F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1" uniqueCount="32">
  <si>
    <t>富山市の人口</t>
  </si>
  <si>
    <t>住民基本台帳人口</t>
  </si>
  <si>
    <t>令和　　4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４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17F8B6C7-E5E7-4CB9-A0C7-CC225CF00D1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735C73F-78D2-4FA8-8F91-19E19421CB86}">
  <sheetPr>
    <pageSetUpPr fitToPage="1"/>
  </sheetPr>
  <dimension ref="A1:AF33"/>
  <sheetViews>
    <sheetView tabSelected="1" zoomScaleNormal="100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7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3956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0225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0193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0032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03</v>
      </c>
      <c r="C18" s="50">
        <v>116</v>
      </c>
      <c r="D18" s="51">
        <v>219</v>
      </c>
      <c r="E18" s="50">
        <v>225</v>
      </c>
      <c r="F18" s="50">
        <v>244</v>
      </c>
      <c r="G18" s="51">
        <v>469</v>
      </c>
      <c r="H18" s="51">
        <v>-250</v>
      </c>
      <c r="I18" s="50">
        <v>310</v>
      </c>
      <c r="J18" s="50">
        <v>99</v>
      </c>
      <c r="K18" s="50">
        <v>111</v>
      </c>
      <c r="L18" s="51">
        <v>210</v>
      </c>
      <c r="M18" s="50">
        <v>267</v>
      </c>
      <c r="N18" s="50">
        <v>272</v>
      </c>
      <c r="O18" s="50">
        <v>177</v>
      </c>
      <c r="P18" s="51">
        <v>449</v>
      </c>
      <c r="Q18" s="51">
        <v>659</v>
      </c>
      <c r="R18" s="50">
        <v>375</v>
      </c>
      <c r="S18" s="50">
        <v>113</v>
      </c>
      <c r="T18" s="50">
        <v>102</v>
      </c>
      <c r="U18" s="51">
        <v>215</v>
      </c>
      <c r="V18" s="50">
        <v>249</v>
      </c>
      <c r="W18" s="50">
        <v>258</v>
      </c>
      <c r="X18" s="50">
        <v>182</v>
      </c>
      <c r="Y18" s="51">
        <v>440</v>
      </c>
      <c r="Z18" s="51">
        <v>655</v>
      </c>
      <c r="AA18" s="51">
        <v>4</v>
      </c>
      <c r="AB18" s="51">
        <v>-246</v>
      </c>
      <c r="AC18" s="52">
        <v>182291</v>
      </c>
      <c r="AD18" s="52">
        <v>200409</v>
      </c>
      <c r="AE18" s="52">
        <v>210567</v>
      </c>
      <c r="AF18" s="53">
        <v>410976</v>
      </c>
    </row>
    <row r="19" spans="1:32" ht="20.100000000000001" customHeight="1" x14ac:dyDescent="0.2">
      <c r="A19" s="54">
        <v>2</v>
      </c>
      <c r="B19" s="55">
        <v>91</v>
      </c>
      <c r="C19" s="55">
        <v>96</v>
      </c>
      <c r="D19" s="56">
        <v>187</v>
      </c>
      <c r="E19" s="55">
        <v>234</v>
      </c>
      <c r="F19" s="55">
        <v>224</v>
      </c>
      <c r="G19" s="56">
        <v>458</v>
      </c>
      <c r="H19" s="56">
        <v>-271</v>
      </c>
      <c r="I19" s="55">
        <v>286</v>
      </c>
      <c r="J19" s="55">
        <v>97</v>
      </c>
      <c r="K19" s="55">
        <v>85</v>
      </c>
      <c r="L19" s="56">
        <v>182</v>
      </c>
      <c r="M19" s="55">
        <v>257</v>
      </c>
      <c r="N19" s="55">
        <v>240</v>
      </c>
      <c r="O19" s="55">
        <v>168</v>
      </c>
      <c r="P19" s="56">
        <v>408</v>
      </c>
      <c r="Q19" s="56">
        <v>590</v>
      </c>
      <c r="R19" s="55">
        <v>361</v>
      </c>
      <c r="S19" s="55">
        <v>111</v>
      </c>
      <c r="T19" s="55">
        <v>105</v>
      </c>
      <c r="U19" s="56">
        <v>216</v>
      </c>
      <c r="V19" s="55">
        <v>297</v>
      </c>
      <c r="W19" s="55">
        <v>307</v>
      </c>
      <c r="X19" s="55">
        <v>204</v>
      </c>
      <c r="Y19" s="56">
        <v>511</v>
      </c>
      <c r="Z19" s="56">
        <v>727</v>
      </c>
      <c r="AA19" s="56">
        <v>-137</v>
      </c>
      <c r="AB19" s="56">
        <v>-408</v>
      </c>
      <c r="AC19" s="57">
        <v>182176</v>
      </c>
      <c r="AD19" s="57">
        <v>200185</v>
      </c>
      <c r="AE19" s="57">
        <v>210383</v>
      </c>
      <c r="AF19" s="58">
        <v>410568</v>
      </c>
    </row>
    <row r="20" spans="1:32" ht="20.100000000000001" customHeight="1" x14ac:dyDescent="0.2">
      <c r="A20" s="54">
        <v>3</v>
      </c>
      <c r="B20" s="55">
        <v>127</v>
      </c>
      <c r="C20" s="55">
        <v>105</v>
      </c>
      <c r="D20" s="56">
        <v>232</v>
      </c>
      <c r="E20" s="55">
        <v>243</v>
      </c>
      <c r="F20" s="55">
        <v>251</v>
      </c>
      <c r="G20" s="56">
        <v>494</v>
      </c>
      <c r="H20" s="56">
        <v>-262</v>
      </c>
      <c r="I20" s="55">
        <v>644</v>
      </c>
      <c r="J20" s="55">
        <v>263</v>
      </c>
      <c r="K20" s="55">
        <v>290</v>
      </c>
      <c r="L20" s="56">
        <v>553</v>
      </c>
      <c r="M20" s="55">
        <v>1160</v>
      </c>
      <c r="N20" s="55">
        <v>1046</v>
      </c>
      <c r="O20" s="55">
        <v>769</v>
      </c>
      <c r="P20" s="56">
        <v>1815</v>
      </c>
      <c r="Q20" s="56">
        <v>2368</v>
      </c>
      <c r="R20" s="55">
        <v>495</v>
      </c>
      <c r="S20" s="55">
        <v>242</v>
      </c>
      <c r="T20" s="55">
        <v>209</v>
      </c>
      <c r="U20" s="56">
        <v>451</v>
      </c>
      <c r="V20" s="55">
        <v>760</v>
      </c>
      <c r="W20" s="55">
        <v>1131</v>
      </c>
      <c r="X20" s="55">
        <v>878</v>
      </c>
      <c r="Y20" s="56">
        <v>2009</v>
      </c>
      <c r="Z20" s="56">
        <v>2460</v>
      </c>
      <c r="AA20" s="56">
        <v>-92</v>
      </c>
      <c r="AB20" s="56">
        <v>-354</v>
      </c>
      <c r="AC20" s="57">
        <v>182725</v>
      </c>
      <c r="AD20" s="57">
        <v>200005</v>
      </c>
      <c r="AE20" s="57">
        <v>210209</v>
      </c>
      <c r="AF20" s="58">
        <v>410214</v>
      </c>
    </row>
    <row r="21" spans="1:32" ht="20.100000000000001" customHeight="1" x14ac:dyDescent="0.2">
      <c r="A21" s="54">
        <v>4</v>
      </c>
      <c r="B21" s="55">
        <v>99</v>
      </c>
      <c r="C21" s="55">
        <v>97</v>
      </c>
      <c r="D21" s="56">
        <v>196</v>
      </c>
      <c r="E21" s="55">
        <v>222</v>
      </c>
      <c r="F21" s="55">
        <v>223</v>
      </c>
      <c r="G21" s="56">
        <v>445</v>
      </c>
      <c r="H21" s="56">
        <v>-249</v>
      </c>
      <c r="I21" s="55">
        <v>497</v>
      </c>
      <c r="J21" s="55">
        <v>210</v>
      </c>
      <c r="K21" s="55">
        <v>149</v>
      </c>
      <c r="L21" s="56">
        <v>359</v>
      </c>
      <c r="M21" s="55">
        <v>1195</v>
      </c>
      <c r="N21" s="55">
        <v>1027</v>
      </c>
      <c r="O21" s="55">
        <v>554</v>
      </c>
      <c r="P21" s="56">
        <v>1581</v>
      </c>
      <c r="Q21" s="56">
        <v>1940</v>
      </c>
      <c r="R21" s="55">
        <v>432</v>
      </c>
      <c r="S21" s="55">
        <v>210</v>
      </c>
      <c r="T21" s="55">
        <v>126</v>
      </c>
      <c r="U21" s="56">
        <v>336</v>
      </c>
      <c r="V21" s="55">
        <v>611</v>
      </c>
      <c r="W21" s="55">
        <v>719</v>
      </c>
      <c r="X21" s="55">
        <v>498</v>
      </c>
      <c r="Y21" s="56">
        <v>1217</v>
      </c>
      <c r="Z21" s="56">
        <v>1553</v>
      </c>
      <c r="AA21" s="56">
        <v>387</v>
      </c>
      <c r="AB21" s="56">
        <v>138</v>
      </c>
      <c r="AC21" s="57">
        <v>183374</v>
      </c>
      <c r="AD21" s="57">
        <v>200190</v>
      </c>
      <c r="AE21" s="57">
        <v>210162</v>
      </c>
      <c r="AF21" s="58">
        <v>410352</v>
      </c>
    </row>
    <row r="22" spans="1:32" ht="20.100000000000001" customHeight="1" x14ac:dyDescent="0.2">
      <c r="A22" s="54">
        <v>5</v>
      </c>
      <c r="B22" s="55">
        <v>131</v>
      </c>
      <c r="C22" s="55">
        <v>117</v>
      </c>
      <c r="D22" s="56">
        <v>248</v>
      </c>
      <c r="E22" s="55">
        <v>219</v>
      </c>
      <c r="F22" s="55">
        <v>202</v>
      </c>
      <c r="G22" s="56">
        <v>421</v>
      </c>
      <c r="H22" s="56">
        <v>-173</v>
      </c>
      <c r="I22" s="55">
        <v>344</v>
      </c>
      <c r="J22" s="55">
        <v>114</v>
      </c>
      <c r="K22" s="55">
        <v>135</v>
      </c>
      <c r="L22" s="56">
        <v>249</v>
      </c>
      <c r="M22" s="55">
        <v>835</v>
      </c>
      <c r="N22" s="55">
        <v>628</v>
      </c>
      <c r="O22" s="55">
        <v>378</v>
      </c>
      <c r="P22" s="56">
        <v>1006</v>
      </c>
      <c r="Q22" s="56">
        <v>1255</v>
      </c>
      <c r="R22" s="55">
        <v>485</v>
      </c>
      <c r="S22" s="55">
        <v>210</v>
      </c>
      <c r="T22" s="55">
        <v>143</v>
      </c>
      <c r="U22" s="56">
        <v>353</v>
      </c>
      <c r="V22" s="55">
        <v>346</v>
      </c>
      <c r="W22" s="55">
        <v>320</v>
      </c>
      <c r="X22" s="55">
        <v>264</v>
      </c>
      <c r="Y22" s="56">
        <v>584</v>
      </c>
      <c r="Z22" s="56">
        <v>937</v>
      </c>
      <c r="AA22" s="56">
        <v>318</v>
      </c>
      <c r="AB22" s="56">
        <v>145</v>
      </c>
      <c r="AC22" s="57">
        <v>183722</v>
      </c>
      <c r="AD22" s="57">
        <v>200314</v>
      </c>
      <c r="AE22" s="57">
        <v>210183</v>
      </c>
      <c r="AF22" s="58">
        <v>410497</v>
      </c>
    </row>
    <row r="23" spans="1:32" s="64" customFormat="1" ht="20.100000000000001" customHeight="1" x14ac:dyDescent="0.2">
      <c r="A23" s="59">
        <v>6</v>
      </c>
      <c r="B23" s="60">
        <v>123</v>
      </c>
      <c r="C23" s="60">
        <v>109</v>
      </c>
      <c r="D23" s="61">
        <v>232</v>
      </c>
      <c r="E23" s="60">
        <v>219</v>
      </c>
      <c r="F23" s="60">
        <v>178</v>
      </c>
      <c r="G23" s="61">
        <v>397</v>
      </c>
      <c r="H23" s="61">
        <v>-165</v>
      </c>
      <c r="I23" s="60">
        <v>328</v>
      </c>
      <c r="J23" s="60">
        <v>93</v>
      </c>
      <c r="K23" s="60">
        <v>99</v>
      </c>
      <c r="L23" s="61">
        <v>192</v>
      </c>
      <c r="M23" s="60">
        <v>666</v>
      </c>
      <c r="N23" s="60">
        <v>561</v>
      </c>
      <c r="O23" s="60">
        <v>254</v>
      </c>
      <c r="P23" s="61">
        <v>815</v>
      </c>
      <c r="Q23" s="61">
        <v>1007</v>
      </c>
      <c r="R23" s="60">
        <v>410</v>
      </c>
      <c r="S23" s="60">
        <v>148</v>
      </c>
      <c r="T23" s="60">
        <v>120</v>
      </c>
      <c r="U23" s="61">
        <v>268</v>
      </c>
      <c r="V23" s="60">
        <v>413</v>
      </c>
      <c r="W23" s="60">
        <v>402</v>
      </c>
      <c r="X23" s="60">
        <v>244</v>
      </c>
      <c r="Y23" s="61">
        <v>646</v>
      </c>
      <c r="Z23" s="61">
        <v>914</v>
      </c>
      <c r="AA23" s="61">
        <v>93</v>
      </c>
      <c r="AB23" s="61">
        <v>-72</v>
      </c>
      <c r="AC23" s="62">
        <v>183893</v>
      </c>
      <c r="AD23" s="62">
        <v>200322</v>
      </c>
      <c r="AE23" s="62">
        <v>210103</v>
      </c>
      <c r="AF23" s="63">
        <v>410425</v>
      </c>
    </row>
    <row r="24" spans="1:32" ht="20.100000000000001" customHeight="1" x14ac:dyDescent="0.2">
      <c r="A24" s="54">
        <v>7</v>
      </c>
      <c r="B24" s="55">
        <v>110</v>
      </c>
      <c r="C24" s="55">
        <v>103</v>
      </c>
      <c r="D24" s="56">
        <v>213</v>
      </c>
      <c r="E24" s="55">
        <v>187</v>
      </c>
      <c r="F24" s="55">
        <v>195</v>
      </c>
      <c r="G24" s="56">
        <v>382</v>
      </c>
      <c r="H24" s="56">
        <v>-169</v>
      </c>
      <c r="I24" s="55">
        <v>351</v>
      </c>
      <c r="J24" s="55">
        <v>112</v>
      </c>
      <c r="K24" s="55">
        <v>115</v>
      </c>
      <c r="L24" s="56">
        <v>227</v>
      </c>
      <c r="M24" s="55">
        <v>471</v>
      </c>
      <c r="N24" s="55">
        <v>400</v>
      </c>
      <c r="O24" s="55">
        <v>256</v>
      </c>
      <c r="P24" s="56">
        <v>656</v>
      </c>
      <c r="Q24" s="56">
        <v>883</v>
      </c>
      <c r="R24" s="55">
        <v>395</v>
      </c>
      <c r="S24" s="55">
        <v>183</v>
      </c>
      <c r="T24" s="55">
        <v>114</v>
      </c>
      <c r="U24" s="56">
        <v>297</v>
      </c>
      <c r="V24" s="55">
        <v>364</v>
      </c>
      <c r="W24" s="55">
        <v>381</v>
      </c>
      <c r="X24" s="55">
        <v>236</v>
      </c>
      <c r="Y24" s="56">
        <v>617</v>
      </c>
      <c r="Z24" s="56">
        <v>914</v>
      </c>
      <c r="AA24" s="56">
        <v>-31</v>
      </c>
      <c r="AB24" s="56">
        <v>-200</v>
      </c>
      <c r="AC24" s="57">
        <v>183956</v>
      </c>
      <c r="AD24" s="57">
        <v>200193</v>
      </c>
      <c r="AE24" s="57">
        <v>210032</v>
      </c>
      <c r="AF24" s="58">
        <v>410225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784</v>
      </c>
      <c r="C30" s="70">
        <v>743</v>
      </c>
      <c r="D30" s="70">
        <v>1527</v>
      </c>
      <c r="E30" s="70">
        <v>1549</v>
      </c>
      <c r="F30" s="70">
        <v>1517</v>
      </c>
      <c r="G30" s="70">
        <v>3066</v>
      </c>
      <c r="H30" s="70">
        <v>-1539</v>
      </c>
      <c r="I30" s="70">
        <v>2760</v>
      </c>
      <c r="J30" s="70">
        <v>988</v>
      </c>
      <c r="K30" s="70">
        <v>984</v>
      </c>
      <c r="L30" s="70">
        <v>1972</v>
      </c>
      <c r="M30" s="70">
        <v>4851</v>
      </c>
      <c r="N30" s="70">
        <v>4174</v>
      </c>
      <c r="O30" s="70">
        <v>2556</v>
      </c>
      <c r="P30" s="70">
        <v>6730</v>
      </c>
      <c r="Q30" s="70">
        <v>8702</v>
      </c>
      <c r="R30" s="70">
        <v>2953</v>
      </c>
      <c r="S30" s="70">
        <v>1217</v>
      </c>
      <c r="T30" s="70">
        <v>919</v>
      </c>
      <c r="U30" s="70">
        <v>2136</v>
      </c>
      <c r="V30" s="70">
        <v>3040</v>
      </c>
      <c r="W30" s="70">
        <v>3518</v>
      </c>
      <c r="X30" s="70">
        <v>2506</v>
      </c>
      <c r="Y30" s="70">
        <v>6024</v>
      </c>
      <c r="Z30" s="70">
        <v>8160</v>
      </c>
      <c r="AA30" s="70">
        <v>542</v>
      </c>
      <c r="AB30" s="70">
        <v>-997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8-02T05:57:45Z</dcterms:created>
  <dcterms:modified xsi:type="dcterms:W3CDTF">2022-08-02T05:57:46Z</dcterms:modified>
</cp:coreProperties>
</file>